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8310644\Desktop\"/>
    </mc:Choice>
  </mc:AlternateContent>
  <xr:revisionPtr revIDLastSave="0" documentId="13_ncr:1_{A084B6A3-D9A3-4090-9406-DE5ED434B345}" xr6:coauthVersionLast="44" xr6:coauthVersionMax="44" xr10:uidLastSave="{00000000-0000-0000-0000-000000000000}"/>
  <bookViews>
    <workbookView xWindow="28845" yWindow="45" windowWidth="28500" windowHeight="15555" xr2:uid="{00000000-000D-0000-FFFF-FFFF00000000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137" uniqueCount="29">
  <si>
    <t>Kidney region</t>
  </si>
  <si>
    <t>Kidney region Abbr</t>
  </si>
  <si>
    <t>Pos drop per 1ng RNA</t>
  </si>
  <si>
    <t>100* (Ratio vs miR-30d) per region</t>
  </si>
  <si>
    <t>Rat01</t>
  </si>
  <si>
    <t>Glomerulus</t>
  </si>
  <si>
    <t>Glom</t>
  </si>
  <si>
    <t>Proximal Tubule</t>
  </si>
  <si>
    <t>PT</t>
  </si>
  <si>
    <t>Collecting Duct</t>
  </si>
  <si>
    <t>CD</t>
  </si>
  <si>
    <t>miR-30d-5p</t>
  </si>
  <si>
    <t>miR-143-3p</t>
  </si>
  <si>
    <t>miR-223-3p</t>
  </si>
  <si>
    <t xml:space="preserve">miR-223-3p   </t>
  </si>
  <si>
    <t>miR-192-5p</t>
  </si>
  <si>
    <t>miR-140-5p</t>
  </si>
  <si>
    <t>miR-210-3p</t>
  </si>
  <si>
    <t>miR-17-1-3p</t>
  </si>
  <si>
    <t>miR-221-3p</t>
  </si>
  <si>
    <t>miR-222-3p</t>
  </si>
  <si>
    <t>Rat02</t>
  </si>
  <si>
    <t>Rat03</t>
  </si>
  <si>
    <t>miRNA</t>
  </si>
  <si>
    <t>ddPCR results are listed as: (1) Number of positive droplets for each miRNA in each LCM-sectioned region, separate per rat. (2) Ratios calculated by using miR-30d-5p as normalizer per region and rat, multiplied by 100 to obtain more easily comparable numbers</t>
  </si>
  <si>
    <t>miR-34c-3p</t>
  </si>
  <si>
    <t>TAL</t>
  </si>
  <si>
    <t>Thick Ascending Limb</t>
  </si>
  <si>
    <t>Legend Supp Table 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Calibri"/>
      <family val="2"/>
      <scheme val="minor"/>
    </font>
    <font>
      <sz val="8"/>
      <name val="Arial"/>
      <family val="2"/>
    </font>
    <font>
      <sz val="8"/>
      <name val="Calibri"/>
      <family val="2"/>
      <scheme val="minor"/>
    </font>
    <font>
      <sz val="8"/>
      <name val="Arial Narrow"/>
      <family val="2"/>
    </font>
    <font>
      <sz val="8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/>
  </cellStyleXfs>
  <cellXfs count="58">
    <xf numFmtId="0" fontId="0" fillId="0" borderId="0" xfId="0"/>
    <xf numFmtId="0" fontId="1" fillId="0" borderId="0" xfId="0" applyFont="1" applyBorder="1" applyAlignment="1">
      <alignment horizontal="left" vertical="center"/>
    </xf>
    <xf numFmtId="0" fontId="1" fillId="0" borderId="0" xfId="0" applyFont="1" applyBorder="1"/>
    <xf numFmtId="0" fontId="1" fillId="0" borderId="0" xfId="0" applyFont="1" applyBorder="1" applyAlignment="1">
      <alignment horizontal="center"/>
    </xf>
    <xf numFmtId="0" fontId="2" fillId="0" borderId="0" xfId="0" applyFont="1" applyBorder="1"/>
    <xf numFmtId="0" fontId="1" fillId="0" borderId="0" xfId="0" applyFont="1" applyBorder="1" applyAlignment="1">
      <alignment horizontal="center" vertical="center"/>
    </xf>
    <xf numFmtId="0" fontId="1" fillId="0" borderId="4" xfId="0" applyFont="1" applyBorder="1" applyAlignment="1">
      <alignment horizontal="center"/>
    </xf>
    <xf numFmtId="0" fontId="1" fillId="0" borderId="4" xfId="0" applyFont="1" applyBorder="1"/>
    <xf numFmtId="0" fontId="1" fillId="0" borderId="8" xfId="0" applyFont="1" applyBorder="1" applyAlignment="1">
      <alignment horizontal="left" vertical="center"/>
    </xf>
    <xf numFmtId="0" fontId="1" fillId="0" borderId="8" xfId="0" applyFont="1" applyFill="1" applyBorder="1" applyAlignment="1">
      <alignment horizontal="left" vertical="center"/>
    </xf>
    <xf numFmtId="0" fontId="1" fillId="0" borderId="1" xfId="0" applyFont="1" applyBorder="1" applyAlignment="1">
      <alignment horizontal="center"/>
    </xf>
    <xf numFmtId="1" fontId="1" fillId="0" borderId="7" xfId="0" applyNumberFormat="1" applyFont="1" applyFill="1" applyBorder="1" applyAlignment="1">
      <alignment horizontal="center"/>
    </xf>
    <xf numFmtId="0" fontId="1" fillId="0" borderId="8" xfId="0" applyFont="1" applyBorder="1" applyAlignment="1">
      <alignment horizontal="center"/>
    </xf>
    <xf numFmtId="2" fontId="1" fillId="0" borderId="8" xfId="0" applyNumberFormat="1" applyFont="1" applyBorder="1" applyAlignment="1">
      <alignment horizontal="center"/>
    </xf>
    <xf numFmtId="1" fontId="1" fillId="0" borderId="5" xfId="0" applyNumberFormat="1" applyFont="1" applyFill="1" applyBorder="1" applyAlignment="1">
      <alignment horizontal="center"/>
    </xf>
    <xf numFmtId="2" fontId="1" fillId="0" borderId="6" xfId="0" applyNumberFormat="1" applyFont="1" applyBorder="1" applyAlignment="1">
      <alignment horizontal="center"/>
    </xf>
    <xf numFmtId="0" fontId="1" fillId="0" borderId="8" xfId="0" applyFont="1" applyBorder="1"/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1" fontId="1" fillId="0" borderId="2" xfId="0" applyNumberFormat="1" applyFont="1" applyFill="1" applyBorder="1" applyAlignment="1">
      <alignment horizontal="center"/>
    </xf>
    <xf numFmtId="2" fontId="1" fillId="0" borderId="4" xfId="0" applyNumberFormat="1" applyFont="1" applyBorder="1" applyAlignment="1">
      <alignment horizontal="center"/>
    </xf>
    <xf numFmtId="0" fontId="1" fillId="0" borderId="6" xfId="0" applyFont="1" applyBorder="1" applyAlignment="1">
      <alignment horizontal="left" vertical="center"/>
    </xf>
    <xf numFmtId="0" fontId="1" fillId="0" borderId="6" xfId="0" applyFont="1" applyBorder="1" applyAlignment="1">
      <alignment horizontal="center"/>
    </xf>
    <xf numFmtId="0" fontId="1" fillId="0" borderId="6" xfId="0" applyFont="1" applyBorder="1"/>
    <xf numFmtId="0" fontId="4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center"/>
    </xf>
    <xf numFmtId="0" fontId="4" fillId="0" borderId="1" xfId="0" applyFont="1" applyBorder="1" applyAlignment="1">
      <alignment horizontal="center"/>
    </xf>
    <xf numFmtId="0" fontId="1" fillId="0" borderId="9" xfId="0" applyFont="1" applyBorder="1" applyAlignment="1">
      <alignment horizontal="center"/>
    </xf>
    <xf numFmtId="0" fontId="1" fillId="0" borderId="5" xfId="0" applyFont="1" applyFill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left" vertical="center"/>
    </xf>
    <xf numFmtId="0" fontId="1" fillId="0" borderId="12" xfId="0" applyFont="1" applyBorder="1" applyAlignment="1">
      <alignment horizontal="left"/>
    </xf>
    <xf numFmtId="0" fontId="1" fillId="0" borderId="11" xfId="0" applyFont="1" applyBorder="1" applyAlignment="1">
      <alignment horizontal="left"/>
    </xf>
    <xf numFmtId="0" fontId="1" fillId="0" borderId="12" xfId="0" applyFont="1" applyBorder="1" applyAlignment="1">
      <alignment horizontal="left" vertical="center"/>
    </xf>
    <xf numFmtId="0" fontId="4" fillId="0" borderId="12" xfId="0" applyFont="1" applyBorder="1" applyAlignment="1">
      <alignment horizontal="left" vertical="center"/>
    </xf>
    <xf numFmtId="0" fontId="4" fillId="0" borderId="12" xfId="0" applyFont="1" applyBorder="1" applyAlignment="1">
      <alignment horizontal="left"/>
    </xf>
    <xf numFmtId="0" fontId="4" fillId="0" borderId="11" xfId="0" applyFont="1" applyBorder="1" applyAlignment="1">
      <alignment horizontal="left"/>
    </xf>
    <xf numFmtId="0" fontId="1" fillId="0" borderId="10" xfId="0" applyFont="1" applyFill="1" applyBorder="1" applyAlignment="1">
      <alignment horizontal="left"/>
    </xf>
    <xf numFmtId="0" fontId="1" fillId="0" borderId="12" xfId="0" applyFont="1" applyFill="1" applyBorder="1" applyAlignment="1">
      <alignment horizontal="left"/>
    </xf>
    <xf numFmtId="0" fontId="1" fillId="0" borderId="11" xfId="0" applyFont="1" applyFill="1" applyBorder="1" applyAlignment="1">
      <alignment horizontal="left"/>
    </xf>
    <xf numFmtId="0" fontId="1" fillId="0" borderId="10" xfId="0" applyFont="1" applyFill="1" applyBorder="1"/>
    <xf numFmtId="0" fontId="1" fillId="0" borderId="12" xfId="0" applyFont="1" applyFill="1" applyBorder="1"/>
    <xf numFmtId="0" fontId="1" fillId="0" borderId="11" xfId="0" applyFont="1" applyFill="1" applyBorder="1"/>
    <xf numFmtId="2" fontId="1" fillId="0" borderId="10" xfId="0" applyNumberFormat="1" applyFont="1" applyBorder="1" applyAlignment="1">
      <alignment horizontal="center"/>
    </xf>
    <xf numFmtId="2" fontId="1" fillId="0" borderId="12" xfId="0" applyNumberFormat="1" applyFont="1" applyBorder="1" applyAlignment="1">
      <alignment horizontal="center"/>
    </xf>
    <xf numFmtId="2" fontId="1" fillId="0" borderId="11" xfId="0" applyNumberFormat="1" applyFont="1" applyBorder="1" applyAlignment="1">
      <alignment horizontal="center"/>
    </xf>
    <xf numFmtId="1" fontId="1" fillId="0" borderId="10" xfId="0" applyNumberFormat="1" applyFont="1" applyFill="1" applyBorder="1" applyAlignment="1">
      <alignment horizontal="center"/>
    </xf>
    <xf numFmtId="1" fontId="1" fillId="0" borderId="12" xfId="0" applyNumberFormat="1" applyFont="1" applyFill="1" applyBorder="1" applyAlignment="1">
      <alignment horizontal="center"/>
    </xf>
    <xf numFmtId="1" fontId="1" fillId="0" borderId="11" xfId="0" applyNumberFormat="1" applyFont="1" applyFill="1" applyBorder="1" applyAlignment="1">
      <alignment horizontal="center"/>
    </xf>
    <xf numFmtId="0" fontId="1" fillId="0" borderId="10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/>
    </xf>
    <xf numFmtId="0" fontId="1" fillId="0" borderId="11" xfId="0" applyFont="1" applyBorder="1" applyAlignment="1">
      <alignment horizontal="center"/>
    </xf>
    <xf numFmtId="0" fontId="1" fillId="0" borderId="12" xfId="0" applyFont="1" applyBorder="1" applyAlignment="1">
      <alignment horizontal="center" vertical="center"/>
    </xf>
    <xf numFmtId="0" fontId="1" fillId="0" borderId="7" xfId="0" applyFont="1" applyBorder="1" applyAlignment="1">
      <alignment horizontal="center"/>
    </xf>
    <xf numFmtId="0" fontId="1" fillId="0" borderId="12" xfId="0" applyFont="1" applyFill="1" applyBorder="1" applyAlignment="1">
      <alignment horizontal="left" vertical="center"/>
    </xf>
    <xf numFmtId="0" fontId="1" fillId="0" borderId="10" xfId="0" applyFont="1" applyFill="1" applyBorder="1" applyAlignment="1">
      <alignment horizontal="center" vertical="center" wrapText="1"/>
    </xf>
    <xf numFmtId="0" fontId="1" fillId="0" borderId="11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45"/>
  <sheetViews>
    <sheetView showGridLines="0" tabSelected="1" zoomScale="110" zoomScaleNormal="110" workbookViewId="0">
      <pane ySplit="2" topLeftCell="A3" activePane="bottomLeft" state="frozen"/>
      <selection pane="bottomLeft" activeCell="C54" sqref="C54"/>
    </sheetView>
  </sheetViews>
  <sheetFormatPr baseColWidth="10" defaultColWidth="8.7109375" defaultRowHeight="11.25" x14ac:dyDescent="0.2"/>
  <cols>
    <col min="1" max="1" width="15.42578125" style="2" customWidth="1"/>
    <col min="2" max="2" width="9.85546875" style="3" bestFit="1" customWidth="1"/>
    <col min="3" max="3" width="10.85546875" style="2" customWidth="1"/>
    <col min="4" max="4" width="9.42578125" style="3" bestFit="1" customWidth="1"/>
    <col min="5" max="5" width="12.28515625" style="3" bestFit="1" customWidth="1"/>
    <col min="6" max="6" width="10.7109375" style="3" bestFit="1" customWidth="1"/>
    <col min="7" max="7" width="8.7109375" style="2"/>
    <col min="8" max="8" width="10.140625" style="3" bestFit="1" customWidth="1"/>
    <col min="9" max="9" width="8.7109375" style="2"/>
    <col min="10" max="16384" width="8.7109375" style="4"/>
  </cols>
  <sheetData>
    <row r="1" spans="1:9" ht="15" customHeight="1" x14ac:dyDescent="0.2">
      <c r="A1" s="56" t="s">
        <v>0</v>
      </c>
      <c r="B1" s="56" t="s">
        <v>1</v>
      </c>
      <c r="C1" s="56" t="s">
        <v>23</v>
      </c>
      <c r="D1" s="27" t="s">
        <v>4</v>
      </c>
      <c r="E1" s="27" t="s">
        <v>4</v>
      </c>
      <c r="F1" s="27" t="s">
        <v>21</v>
      </c>
      <c r="G1" s="27" t="s">
        <v>21</v>
      </c>
      <c r="H1" s="27" t="s">
        <v>22</v>
      </c>
      <c r="I1" s="27" t="s">
        <v>22</v>
      </c>
    </row>
    <row r="2" spans="1:9" ht="54.75" customHeight="1" x14ac:dyDescent="0.2">
      <c r="A2" s="57"/>
      <c r="B2" s="57"/>
      <c r="C2" s="57"/>
      <c r="D2" s="28" t="s">
        <v>2</v>
      </c>
      <c r="E2" s="29" t="s">
        <v>3</v>
      </c>
      <c r="F2" s="28" t="s">
        <v>2</v>
      </c>
      <c r="G2" s="30" t="s">
        <v>3</v>
      </c>
      <c r="H2" s="28" t="s">
        <v>2</v>
      </c>
      <c r="I2" s="30" t="s">
        <v>3</v>
      </c>
    </row>
    <row r="3" spans="1:9" x14ac:dyDescent="0.2">
      <c r="A3" s="31" t="s">
        <v>5</v>
      </c>
      <c r="B3" s="50" t="s">
        <v>6</v>
      </c>
      <c r="C3" s="18" t="s">
        <v>11</v>
      </c>
      <c r="D3" s="47">
        <v>12098.04931640625</v>
      </c>
      <c r="E3" s="6"/>
      <c r="F3" s="47">
        <v>3053.3980520148025</v>
      </c>
      <c r="G3" s="7"/>
      <c r="H3" s="47">
        <v>917.4101177014802</v>
      </c>
      <c r="I3" s="20"/>
    </row>
    <row r="4" spans="1:9" x14ac:dyDescent="0.2">
      <c r="A4" s="32" t="s">
        <v>27</v>
      </c>
      <c r="B4" s="51" t="s">
        <v>26</v>
      </c>
      <c r="C4" s="8" t="s">
        <v>11</v>
      </c>
      <c r="D4" s="48">
        <v>1578.7396240234375</v>
      </c>
      <c r="E4" s="12"/>
      <c r="F4" s="48">
        <v>1742.5980417351973</v>
      </c>
      <c r="G4" s="16"/>
      <c r="H4" s="48">
        <v>1486.4037764699835</v>
      </c>
      <c r="I4" s="13"/>
    </row>
    <row r="5" spans="1:9" x14ac:dyDescent="0.2">
      <c r="A5" s="32" t="s">
        <v>7</v>
      </c>
      <c r="B5" s="51" t="s">
        <v>8</v>
      </c>
      <c r="C5" s="8" t="s">
        <v>11</v>
      </c>
      <c r="D5" s="48">
        <v>6279.5062255859375</v>
      </c>
      <c r="E5" s="12"/>
      <c r="F5" s="48">
        <v>4667.9112484580592</v>
      </c>
      <c r="G5" s="16"/>
      <c r="H5" s="48">
        <v>2634.2452199835525</v>
      </c>
      <c r="I5" s="13"/>
    </row>
    <row r="6" spans="1:9" x14ac:dyDescent="0.2">
      <c r="A6" s="33" t="s">
        <v>9</v>
      </c>
      <c r="B6" s="52" t="s">
        <v>10</v>
      </c>
      <c r="C6" s="21" t="s">
        <v>11</v>
      </c>
      <c r="D6" s="49">
        <v>5356.04736328125</v>
      </c>
      <c r="E6" s="22"/>
      <c r="F6" s="49">
        <v>5169.915771484375</v>
      </c>
      <c r="G6" s="23"/>
      <c r="H6" s="49">
        <v>8814.1839278371717</v>
      </c>
      <c r="I6" s="15"/>
    </row>
    <row r="7" spans="1:9" x14ac:dyDescent="0.2">
      <c r="A7" s="34" t="s">
        <v>5</v>
      </c>
      <c r="B7" s="53" t="s">
        <v>6</v>
      </c>
      <c r="C7" s="9" t="s">
        <v>12</v>
      </c>
      <c r="D7" s="48">
        <v>5340.78369140625</v>
      </c>
      <c r="E7" s="44">
        <v>44.145825097303707</v>
      </c>
      <c r="F7" s="48">
        <v>177.64796206825659</v>
      </c>
      <c r="G7" s="13">
        <v>5.8180413769188899</v>
      </c>
      <c r="H7" s="48">
        <v>46.450934159128295</v>
      </c>
      <c r="I7" s="13">
        <v>5.0632681352488804</v>
      </c>
    </row>
    <row r="8" spans="1:9" x14ac:dyDescent="0.2">
      <c r="A8" s="32" t="s">
        <v>27</v>
      </c>
      <c r="B8" s="51" t="s">
        <v>26</v>
      </c>
      <c r="C8" s="9" t="s">
        <v>12</v>
      </c>
      <c r="D8" s="48">
        <v>388.91162109375</v>
      </c>
      <c r="E8" s="45">
        <v>24.634310507935687</v>
      </c>
      <c r="F8" s="48">
        <v>51.743392944335938</v>
      </c>
      <c r="G8" s="13">
        <v>2.9693246351185096</v>
      </c>
      <c r="H8" s="48">
        <v>24.578066374126234</v>
      </c>
      <c r="I8" s="13">
        <v>1.653525560362606</v>
      </c>
    </row>
    <row r="9" spans="1:9" x14ac:dyDescent="0.2">
      <c r="A9" s="32" t="s">
        <v>7</v>
      </c>
      <c r="B9" s="54" t="s">
        <v>8</v>
      </c>
      <c r="C9" s="55" t="s">
        <v>12</v>
      </c>
      <c r="D9" s="48">
        <v>1372.53271484375</v>
      </c>
      <c r="E9" s="45">
        <v>21.857335044136843</v>
      </c>
      <c r="F9" s="48">
        <v>129.29147820723685</v>
      </c>
      <c r="G9" s="45">
        <v>2.7697929828881263</v>
      </c>
      <c r="H9" s="48">
        <v>75.816674483449845</v>
      </c>
      <c r="I9" s="13">
        <v>2.878117568869432</v>
      </c>
    </row>
    <row r="10" spans="1:9" x14ac:dyDescent="0.2">
      <c r="A10" s="32" t="s">
        <v>9</v>
      </c>
      <c r="B10" s="3" t="s">
        <v>10</v>
      </c>
      <c r="C10" s="55" t="s">
        <v>12</v>
      </c>
      <c r="D10" s="11">
        <v>808.925048828125</v>
      </c>
      <c r="E10" s="46">
        <v>15.103022694940419</v>
      </c>
      <c r="F10" s="49">
        <v>76.34386564555922</v>
      </c>
      <c r="G10" s="13">
        <v>1.4766945733748296</v>
      </c>
      <c r="H10" s="48">
        <v>195.482177734375</v>
      </c>
      <c r="I10" s="13">
        <v>2.2178136891039726</v>
      </c>
    </row>
    <row r="11" spans="1:9" x14ac:dyDescent="0.2">
      <c r="A11" s="31" t="s">
        <v>5</v>
      </c>
      <c r="B11" s="17" t="s">
        <v>6</v>
      </c>
      <c r="C11" s="38" t="s">
        <v>15</v>
      </c>
      <c r="D11" s="19">
        <v>297.36842105263156</v>
      </c>
      <c r="E11" s="44">
        <v>2.4579865172922393</v>
      </c>
      <c r="F11" s="19">
        <v>346.30685103567021</v>
      </c>
      <c r="G11" s="44">
        <v>11.341687036420215</v>
      </c>
      <c r="H11" s="47">
        <v>17.344399502402858</v>
      </c>
      <c r="I11" s="20">
        <v>1.8905829756770378</v>
      </c>
    </row>
    <row r="12" spans="1:9" x14ac:dyDescent="0.2">
      <c r="A12" s="32" t="s">
        <v>27</v>
      </c>
      <c r="B12" s="51" t="s">
        <v>26</v>
      </c>
      <c r="C12" s="39" t="s">
        <v>15</v>
      </c>
      <c r="D12" s="11">
        <v>60.526315789473685</v>
      </c>
      <c r="E12" s="45">
        <v>3.8338377569330664</v>
      </c>
      <c r="F12" s="11">
        <v>136.27526132684005</v>
      </c>
      <c r="G12" s="45">
        <v>7.8202349631440846</v>
      </c>
      <c r="H12" s="48">
        <v>101.75763180381374</v>
      </c>
      <c r="I12" s="13">
        <v>6.8458943266058521</v>
      </c>
    </row>
    <row r="13" spans="1:9" x14ac:dyDescent="0.2">
      <c r="A13" s="32" t="s">
        <v>7</v>
      </c>
      <c r="B13" s="3" t="s">
        <v>8</v>
      </c>
      <c r="C13" s="39" t="s">
        <v>15</v>
      </c>
      <c r="D13" s="11">
        <v>2910.5263157894738</v>
      </c>
      <c r="E13" s="45">
        <v>46.349604749661573</v>
      </c>
      <c r="F13" s="11">
        <v>1527.2203947368421</v>
      </c>
      <c r="G13" s="45">
        <v>32.717425706011987</v>
      </c>
      <c r="H13" s="48">
        <v>1038.6710719058387</v>
      </c>
      <c r="I13" s="13">
        <v>39.429551357877152</v>
      </c>
    </row>
    <row r="14" spans="1:9" x14ac:dyDescent="0.2">
      <c r="A14" s="33" t="s">
        <v>9</v>
      </c>
      <c r="B14" s="10" t="s">
        <v>10</v>
      </c>
      <c r="C14" s="40" t="s">
        <v>15</v>
      </c>
      <c r="D14" s="14">
        <v>147.63157894736841</v>
      </c>
      <c r="E14" s="46">
        <v>2.7563531263645431</v>
      </c>
      <c r="F14" s="14">
        <v>50.632155568976152</v>
      </c>
      <c r="G14" s="46">
        <v>0.97936132438070178</v>
      </c>
      <c r="H14" s="49">
        <v>212.04524793122943</v>
      </c>
      <c r="I14" s="15">
        <v>2.4057275145069634</v>
      </c>
    </row>
    <row r="15" spans="1:9" x14ac:dyDescent="0.2">
      <c r="A15" s="34" t="s">
        <v>5</v>
      </c>
      <c r="B15" s="5" t="s">
        <v>6</v>
      </c>
      <c r="C15" s="39" t="s">
        <v>18</v>
      </c>
      <c r="D15" s="11">
        <v>13.924931465311253</v>
      </c>
      <c r="E15" s="45">
        <v>0.11510063400409151</v>
      </c>
      <c r="F15" s="11">
        <v>5.2098871532239412</v>
      </c>
      <c r="G15" s="45">
        <v>0.17062587531901277</v>
      </c>
      <c r="H15" s="48">
        <v>0</v>
      </c>
      <c r="I15" s="13">
        <v>0</v>
      </c>
    </row>
    <row r="16" spans="1:9" x14ac:dyDescent="0.2">
      <c r="A16" s="32" t="s">
        <v>27</v>
      </c>
      <c r="B16" s="51" t="s">
        <v>26</v>
      </c>
      <c r="C16" s="39" t="s">
        <v>18</v>
      </c>
      <c r="D16" s="11">
        <v>8.4274758683874254</v>
      </c>
      <c r="E16" s="45">
        <v>0.53381037253691643</v>
      </c>
      <c r="F16" s="11">
        <v>12.221728877017373</v>
      </c>
      <c r="G16" s="45">
        <v>0.701351004896548</v>
      </c>
      <c r="H16" s="48">
        <v>9.9066804584703956</v>
      </c>
      <c r="I16" s="13">
        <v>0.66648649682507399</v>
      </c>
    </row>
    <row r="17" spans="1:9" x14ac:dyDescent="0.2">
      <c r="A17" s="32" t="s">
        <v>7</v>
      </c>
      <c r="B17" s="3" t="s">
        <v>8</v>
      </c>
      <c r="C17" s="39" t="s">
        <v>18</v>
      </c>
      <c r="D17" s="11">
        <v>11.729751749241606</v>
      </c>
      <c r="E17" s="45">
        <v>0.18679417342479199</v>
      </c>
      <c r="F17" s="11">
        <v>6.1068364193564966</v>
      </c>
      <c r="G17" s="45">
        <v>0.1308258896604719</v>
      </c>
      <c r="H17" s="48">
        <v>4.5024179157457853</v>
      </c>
      <c r="I17" s="13">
        <v>0.17091870876675244</v>
      </c>
    </row>
    <row r="18" spans="1:9" x14ac:dyDescent="0.2">
      <c r="A18" s="32" t="s">
        <v>9</v>
      </c>
      <c r="B18" s="3" t="s">
        <v>10</v>
      </c>
      <c r="C18" s="39" t="s">
        <v>18</v>
      </c>
      <c r="D18" s="11">
        <v>15.384937854523356</v>
      </c>
      <c r="E18" s="45">
        <v>0.28724424582194424</v>
      </c>
      <c r="F18" s="11">
        <v>8.654775117572985</v>
      </c>
      <c r="G18" s="45">
        <v>0.16740650138460661</v>
      </c>
      <c r="H18" s="48">
        <v>21.460340399491159</v>
      </c>
      <c r="I18" s="13">
        <v>0.24347506899322335</v>
      </c>
    </row>
    <row r="19" spans="1:9" x14ac:dyDescent="0.2">
      <c r="A19" s="31" t="s">
        <v>5</v>
      </c>
      <c r="B19" s="17" t="s">
        <v>6</v>
      </c>
      <c r="C19" s="41" t="s">
        <v>13</v>
      </c>
      <c r="D19" s="19">
        <v>139.13309624854554</v>
      </c>
      <c r="E19" s="44">
        <v>1.1500457024907822</v>
      </c>
      <c r="F19" s="19">
        <v>104.33952733090049</v>
      </c>
      <c r="G19" s="44">
        <v>3.4171609974680979</v>
      </c>
      <c r="H19" s="47">
        <v>21.022754468415915</v>
      </c>
      <c r="I19" s="20">
        <v>2.2915328774754795</v>
      </c>
    </row>
    <row r="20" spans="1:9" x14ac:dyDescent="0.2">
      <c r="A20" s="32" t="s">
        <v>27</v>
      </c>
      <c r="B20" s="51" t="s">
        <v>26</v>
      </c>
      <c r="C20" s="42" t="s">
        <v>13</v>
      </c>
      <c r="D20" s="11">
        <v>46.318074490161656</v>
      </c>
      <c r="E20" s="45">
        <v>2.9338640637978965</v>
      </c>
      <c r="F20" s="11">
        <v>38.672256469726563</v>
      </c>
      <c r="G20" s="45">
        <v>2.2192298822520509</v>
      </c>
      <c r="H20" s="48">
        <v>29.111964577122741</v>
      </c>
      <c r="I20" s="13">
        <v>1.9585502296192954</v>
      </c>
    </row>
    <row r="21" spans="1:9" x14ac:dyDescent="0.2">
      <c r="A21" s="32" t="s">
        <v>7</v>
      </c>
      <c r="B21" s="3" t="s">
        <v>8</v>
      </c>
      <c r="C21" s="42" t="s">
        <v>14</v>
      </c>
      <c r="D21" s="11">
        <v>75.378653343687674</v>
      </c>
      <c r="E21" s="45">
        <v>1.2003914103398174</v>
      </c>
      <c r="F21" s="11">
        <v>71.167490105879935</v>
      </c>
      <c r="G21" s="45">
        <v>1.524611037311143</v>
      </c>
      <c r="H21" s="48">
        <v>55.495573344983555</v>
      </c>
      <c r="I21" s="13">
        <v>2.1066973159518558</v>
      </c>
    </row>
    <row r="22" spans="1:9" x14ac:dyDescent="0.2">
      <c r="A22" s="33" t="s">
        <v>9</v>
      </c>
      <c r="B22" s="10" t="s">
        <v>10</v>
      </c>
      <c r="C22" s="43" t="s">
        <v>13</v>
      </c>
      <c r="D22" s="14">
        <v>99.913698561648104</v>
      </c>
      <c r="E22" s="46">
        <v>1.8654371738124147</v>
      </c>
      <c r="F22" s="14">
        <v>49.020164891293177</v>
      </c>
      <c r="G22" s="46">
        <v>0.94818111276924366</v>
      </c>
      <c r="H22" s="49">
        <v>58.700384842722045</v>
      </c>
      <c r="I22" s="15">
        <v>0.66597640034868177</v>
      </c>
    </row>
    <row r="23" spans="1:9" x14ac:dyDescent="0.2">
      <c r="A23" s="34" t="s">
        <v>5</v>
      </c>
      <c r="B23" s="5" t="s">
        <v>6</v>
      </c>
      <c r="C23" s="42" t="s">
        <v>16</v>
      </c>
      <c r="D23" s="11">
        <v>31.797894011152554</v>
      </c>
      <c r="E23" s="45">
        <v>0.26283488502589591</v>
      </c>
      <c r="F23" s="11">
        <v>30.378309551038242</v>
      </c>
      <c r="G23" s="45">
        <v>0.9949017138788353</v>
      </c>
      <c r="H23" s="48">
        <v>8.7125356573807569</v>
      </c>
      <c r="I23" s="13">
        <v>0.94968820261210207</v>
      </c>
    </row>
    <row r="24" spans="1:9" x14ac:dyDescent="0.2">
      <c r="A24" s="32" t="s">
        <v>27</v>
      </c>
      <c r="B24" s="51" t="s">
        <v>26</v>
      </c>
      <c r="C24" s="42" t="s">
        <v>16</v>
      </c>
      <c r="D24" s="11">
        <v>13.696263698821372</v>
      </c>
      <c r="E24" s="45">
        <v>0.86754417830574715</v>
      </c>
      <c r="F24" s="11">
        <v>16.719719736199632</v>
      </c>
      <c r="G24" s="45">
        <v>0.95947082091007752</v>
      </c>
      <c r="H24" s="48">
        <v>16.820243032355059</v>
      </c>
      <c r="I24" s="13">
        <v>1.1316065862198599</v>
      </c>
    </row>
    <row r="25" spans="1:9" x14ac:dyDescent="0.2">
      <c r="A25" s="32" t="s">
        <v>7</v>
      </c>
      <c r="B25" s="3" t="s">
        <v>8</v>
      </c>
      <c r="C25" s="42" t="s">
        <v>16</v>
      </c>
      <c r="D25" s="11">
        <v>44.693788569024271</v>
      </c>
      <c r="E25" s="45">
        <v>0.71174049301709097</v>
      </c>
      <c r="F25" s="11">
        <v>78.29146535773026</v>
      </c>
      <c r="G25" s="45">
        <v>1.6772269477829536</v>
      </c>
      <c r="H25" s="48">
        <v>34.95810659308183</v>
      </c>
      <c r="I25" s="13">
        <v>1.3270634915795765</v>
      </c>
    </row>
    <row r="26" spans="1:9" x14ac:dyDescent="0.2">
      <c r="A26" s="32" t="s">
        <v>9</v>
      </c>
      <c r="B26" s="3" t="s">
        <v>10</v>
      </c>
      <c r="C26" s="42" t="s">
        <v>16</v>
      </c>
      <c r="D26" s="11">
        <v>23.962566700387509</v>
      </c>
      <c r="E26" s="45">
        <v>0.4473927333926232</v>
      </c>
      <c r="F26" s="11">
        <v>25.729771664268092</v>
      </c>
      <c r="G26" s="45">
        <v>0.49768260841279849</v>
      </c>
      <c r="H26" s="48">
        <v>41.034935399105677</v>
      </c>
      <c r="I26" s="13">
        <v>0.465555696761763</v>
      </c>
    </row>
    <row r="27" spans="1:9" x14ac:dyDescent="0.2">
      <c r="A27" s="31" t="s">
        <v>5</v>
      </c>
      <c r="B27" s="17" t="s">
        <v>6</v>
      </c>
      <c r="C27" s="38" t="s">
        <v>17</v>
      </c>
      <c r="D27" s="19">
        <v>17.947368421052634</v>
      </c>
      <c r="E27" s="44">
        <v>0.14834927476046969</v>
      </c>
      <c r="F27" s="19">
        <v>3.7578216351960836</v>
      </c>
      <c r="G27" s="44">
        <v>0.12307015237389253</v>
      </c>
      <c r="H27" s="47">
        <v>6.3733642979672087</v>
      </c>
      <c r="I27" s="20">
        <v>0.69471266721314529</v>
      </c>
    </row>
    <row r="28" spans="1:9" x14ac:dyDescent="0.2">
      <c r="A28" s="32" t="s">
        <v>27</v>
      </c>
      <c r="B28" s="51" t="s">
        <v>26</v>
      </c>
      <c r="C28" s="39" t="s">
        <v>17</v>
      </c>
      <c r="D28" s="11">
        <v>11.631578947368421</v>
      </c>
      <c r="E28" s="45">
        <v>0.7367636037236589</v>
      </c>
      <c r="F28" s="11">
        <v>9.0010181226228418</v>
      </c>
      <c r="G28" s="45">
        <v>0.5165286490084684</v>
      </c>
      <c r="H28" s="48">
        <v>6.6552001551577922</v>
      </c>
      <c r="I28" s="13">
        <v>0.44773837772149838</v>
      </c>
    </row>
    <row r="29" spans="1:9" x14ac:dyDescent="0.2">
      <c r="A29" s="32" t="s">
        <v>7</v>
      </c>
      <c r="B29" s="3" t="s">
        <v>8</v>
      </c>
      <c r="C29" s="39" t="s">
        <v>17</v>
      </c>
      <c r="D29" s="11">
        <v>4.0526315789473681</v>
      </c>
      <c r="E29" s="45">
        <v>6.4537424334971796E-2</v>
      </c>
      <c r="F29" s="11">
        <v>11.196004967940482</v>
      </c>
      <c r="G29" s="45">
        <v>0.23985042499766537</v>
      </c>
      <c r="H29" s="48">
        <v>6.392516085976049</v>
      </c>
      <c r="I29" s="13">
        <v>0.2426697422655269</v>
      </c>
    </row>
    <row r="30" spans="1:9" x14ac:dyDescent="0.2">
      <c r="A30" s="33" t="s">
        <v>9</v>
      </c>
      <c r="B30" s="10" t="s">
        <v>10</v>
      </c>
      <c r="C30" s="40" t="s">
        <v>17</v>
      </c>
      <c r="D30" s="14">
        <v>29.210526315789473</v>
      </c>
      <c r="E30" s="46">
        <v>0.54537468275662082</v>
      </c>
      <c r="F30" s="14">
        <v>7.4221766622442953</v>
      </c>
      <c r="G30" s="46">
        <v>0.14356475018766612</v>
      </c>
      <c r="H30" s="49">
        <v>35.907781500565378</v>
      </c>
      <c r="I30" s="15">
        <v>0.40738634222461073</v>
      </c>
    </row>
    <row r="31" spans="1:9" x14ac:dyDescent="0.2">
      <c r="A31" s="31" t="s">
        <v>5</v>
      </c>
      <c r="B31" s="17" t="s">
        <v>6</v>
      </c>
      <c r="C31" s="41" t="s">
        <v>19</v>
      </c>
      <c r="D31" s="19">
        <v>7.6953578502573867</v>
      </c>
      <c r="E31" s="44">
        <v>6.3608253272878112E-2</v>
      </c>
      <c r="F31" s="19">
        <v>0.737290570610448</v>
      </c>
      <c r="G31" s="44">
        <v>2.4146559277587229E-2</v>
      </c>
      <c r="H31" s="47">
        <v>0.78941200908861664</v>
      </c>
      <c r="I31" s="20">
        <v>8.6047885657337675E-2</v>
      </c>
    </row>
    <row r="32" spans="1:9" x14ac:dyDescent="0.2">
      <c r="A32" s="32" t="s">
        <v>27</v>
      </c>
      <c r="B32" s="51" t="s">
        <v>26</v>
      </c>
      <c r="C32" s="42" t="s">
        <v>19</v>
      </c>
      <c r="D32" s="11">
        <v>6.4272520389962704</v>
      </c>
      <c r="E32" s="45">
        <v>0.40711286023317378</v>
      </c>
      <c r="F32" s="11">
        <v>8.6247062683105469</v>
      </c>
      <c r="G32" s="45">
        <v>0.4949337748435933</v>
      </c>
      <c r="H32" s="48">
        <v>7.7677184657046672</v>
      </c>
      <c r="I32" s="13">
        <v>0.52258468315735795</v>
      </c>
    </row>
    <row r="33" spans="1:9" x14ac:dyDescent="0.2">
      <c r="A33" s="32" t="s">
        <v>7</v>
      </c>
      <c r="B33" s="3" t="s">
        <v>8</v>
      </c>
      <c r="C33" s="42" t="s">
        <v>19</v>
      </c>
      <c r="D33" s="11">
        <v>2.5114165975692426</v>
      </c>
      <c r="E33" s="45">
        <v>3.9993854729157528E-2</v>
      </c>
      <c r="F33" s="11">
        <v>1.5876795116223787</v>
      </c>
      <c r="G33" s="45">
        <v>3.4012632784028045E-2</v>
      </c>
      <c r="H33" s="48">
        <v>4.7826601329602694</v>
      </c>
      <c r="I33" s="13">
        <v>0.18155713434264603</v>
      </c>
    </row>
    <row r="34" spans="1:9" x14ac:dyDescent="0.2">
      <c r="A34" s="33" t="s">
        <v>9</v>
      </c>
      <c r="B34" s="10" t="s">
        <v>10</v>
      </c>
      <c r="C34" s="43" t="s">
        <v>19</v>
      </c>
      <c r="D34" s="14">
        <v>17.775612689079125</v>
      </c>
      <c r="E34" s="46">
        <v>0.33187930358758694</v>
      </c>
      <c r="F34" s="14">
        <v>21.870595028525905</v>
      </c>
      <c r="G34" s="46">
        <v>0.42303580938701574</v>
      </c>
      <c r="H34" s="49">
        <v>20.459598742033307</v>
      </c>
      <c r="I34" s="15">
        <v>0.23212130481436066</v>
      </c>
    </row>
    <row r="35" spans="1:9" x14ac:dyDescent="0.2">
      <c r="A35" s="34" t="s">
        <v>5</v>
      </c>
      <c r="B35" s="5" t="s">
        <v>6</v>
      </c>
      <c r="C35" s="42" t="s">
        <v>20</v>
      </c>
      <c r="D35" s="11">
        <v>24.054322344191533</v>
      </c>
      <c r="E35" s="45">
        <v>0.19882810621024086</v>
      </c>
      <c r="F35" s="11">
        <v>15.289218300267271</v>
      </c>
      <c r="G35" s="45">
        <v>0.50072797715249051</v>
      </c>
      <c r="H35" s="48">
        <v>1.70108531650744</v>
      </c>
      <c r="I35" s="13">
        <v>0.18542255897170767</v>
      </c>
    </row>
    <row r="36" spans="1:9" x14ac:dyDescent="0.2">
      <c r="A36" s="32" t="s">
        <v>27</v>
      </c>
      <c r="B36" s="51" t="s">
        <v>26</v>
      </c>
      <c r="C36" s="42" t="s">
        <v>20</v>
      </c>
      <c r="D36" s="11">
        <v>13.027152609317861</v>
      </c>
      <c r="E36" s="45">
        <v>0.82516156629539716</v>
      </c>
      <c r="F36" s="11">
        <v>18.727007414165296</v>
      </c>
      <c r="G36" s="45">
        <v>1.0746601893066414</v>
      </c>
      <c r="H36" s="48">
        <v>16.068382263183594</v>
      </c>
      <c r="I36" s="13">
        <v>1.0810240472709187</v>
      </c>
    </row>
    <row r="37" spans="1:9" x14ac:dyDescent="0.2">
      <c r="A37" s="32" t="s">
        <v>7</v>
      </c>
      <c r="B37" s="3" t="s">
        <v>8</v>
      </c>
      <c r="C37" s="42" t="s">
        <v>20</v>
      </c>
      <c r="D37" s="11">
        <v>4.7500706733541289</v>
      </c>
      <c r="E37" s="45">
        <v>7.5644015671166923E-2</v>
      </c>
      <c r="F37" s="11">
        <v>25.933372096011514</v>
      </c>
      <c r="G37" s="45">
        <v>0.55556694880559321</v>
      </c>
      <c r="H37" s="48">
        <v>14.710104089034232</v>
      </c>
      <c r="I37" s="13">
        <v>0.55841817524968607</v>
      </c>
    </row>
    <row r="38" spans="1:9" x14ac:dyDescent="0.2">
      <c r="A38" s="33" t="s">
        <v>9</v>
      </c>
      <c r="B38" s="10" t="s">
        <v>10</v>
      </c>
      <c r="C38" s="43" t="s">
        <v>20</v>
      </c>
      <c r="D38" s="14">
        <v>58.191441475076878</v>
      </c>
      <c r="E38" s="46">
        <v>1.0864624139437655</v>
      </c>
      <c r="F38" s="14">
        <v>47.838504188939147</v>
      </c>
      <c r="G38" s="46">
        <v>0.92532463396795062</v>
      </c>
      <c r="H38" s="49">
        <v>63.604439183285365</v>
      </c>
      <c r="I38" s="15">
        <v>0.7216146123568884</v>
      </c>
    </row>
    <row r="39" spans="1:9" x14ac:dyDescent="0.2">
      <c r="A39" s="35" t="s">
        <v>5</v>
      </c>
      <c r="B39" s="24" t="s">
        <v>6</v>
      </c>
      <c r="C39" s="42" t="s">
        <v>25</v>
      </c>
      <c r="D39" s="11">
        <v>15.297184599206803</v>
      </c>
      <c r="E39" s="45">
        <v>0.12644339760181159</v>
      </c>
    </row>
    <row r="40" spans="1:9" x14ac:dyDescent="0.2">
      <c r="A40" s="32" t="s">
        <v>27</v>
      </c>
      <c r="B40" s="51" t="s">
        <v>26</v>
      </c>
      <c r="C40" s="42" t="s">
        <v>25</v>
      </c>
      <c r="D40" s="11">
        <v>1.8153084085342732</v>
      </c>
      <c r="E40" s="45">
        <v>0.11498466123932059</v>
      </c>
    </row>
    <row r="41" spans="1:9" x14ac:dyDescent="0.2">
      <c r="A41" s="36" t="s">
        <v>7</v>
      </c>
      <c r="B41" s="25" t="s">
        <v>8</v>
      </c>
      <c r="C41" s="42" t="s">
        <v>25</v>
      </c>
      <c r="D41" s="11">
        <v>28.159861869000377</v>
      </c>
      <c r="E41" s="45">
        <v>0.44844070309640932</v>
      </c>
    </row>
    <row r="42" spans="1:9" x14ac:dyDescent="0.2">
      <c r="A42" s="37" t="s">
        <v>9</v>
      </c>
      <c r="B42" s="26" t="s">
        <v>10</v>
      </c>
      <c r="C42" s="43" t="s">
        <v>25</v>
      </c>
      <c r="D42" s="14">
        <v>8.3913138572205899</v>
      </c>
      <c r="E42" s="46">
        <v>0.15666989643795567</v>
      </c>
    </row>
    <row r="44" spans="1:9" x14ac:dyDescent="0.2">
      <c r="A44" s="1" t="s">
        <v>28</v>
      </c>
    </row>
    <row r="45" spans="1:9" x14ac:dyDescent="0.2">
      <c r="A45" s="2" t="s">
        <v>24</v>
      </c>
    </row>
  </sheetData>
  <mergeCells count="3">
    <mergeCell ref="B1:B2"/>
    <mergeCell ref="A1:A2"/>
    <mergeCell ref="C1:C2"/>
  </mergeCells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Source xmlns="http://schemas.microsoft.com/sharepoint/v3/fields" xsi:nil="true"/>
    <Language xmlns="http://schemas.microsoft.com/sharepoint/v3">English</Language>
    <j747ac98061d40f0aa7bd47e1db5675d xmlns="4ffa91fb-a0ff-4ac5-b2db-65c790d184a4">
      <Terms xmlns="http://schemas.microsoft.com/office/infopath/2007/PartnerControls"/>
    </j747ac98061d40f0aa7bd47e1db5675d>
    <Records_x0020_Date xmlns="20ac88f0-eb75-465d-b21b-4609a84f280e" xsi:nil="true"/>
    <External_x0020_Contributor xmlns="4ffa91fb-a0ff-4ac5-b2db-65c790d184a4" xsi:nil="true"/>
    <TaxKeywordTaxHTField xmlns="4ffa91fb-a0ff-4ac5-b2db-65c790d184a4">
      <Terms xmlns="http://schemas.microsoft.com/office/infopath/2007/PartnerControls"/>
    </TaxKeywordTaxHTField>
    <Record xmlns="4ffa91fb-a0ff-4ac5-b2db-65c790d184a4">Shared</Record>
    <IMAddress xmlns="http://schemas.microsoft.com/sharepoint/v3" xsi:nil="true"/>
    <Rights xmlns="4ffa91fb-a0ff-4ac5-b2db-65c790d184a4" xsi:nil="true"/>
    <Records_x0020_Status xmlns="20ac88f0-eb75-465d-b21b-4609a84f280e">Pending</Records_x0020_Status>
    <Document_x0020_Creation_x0020_Date xmlns="4ffa91fb-a0ff-4ac5-b2db-65c790d184a4">2020-05-21T23:47:41+00:00</Document_x0020_Creation_x0020_Date>
    <EPA_x0020_Office xmlns="4ffa91fb-a0ff-4ac5-b2db-65c790d184a4" xsi:nil="true"/>
    <CategoryDescription xmlns="http://schemas.microsoft.com/sharepoint.v3" xsi:nil="true"/>
    <Identifier xmlns="4ffa91fb-a0ff-4ac5-b2db-65c790d184a4" xsi:nil="true"/>
    <_Coverage xmlns="http://schemas.microsoft.com/sharepoint/v3/fields" xsi:nil="true"/>
    <Creator xmlns="4ffa91fb-a0ff-4ac5-b2db-65c790d184a4">
      <UserInfo>
        <DisplayName/>
        <AccountId xsi:nil="true"/>
        <AccountType/>
      </UserInfo>
    </Creator>
    <EPA_x0020_Related_x0020_Documents xmlns="4ffa91fb-a0ff-4ac5-b2db-65c790d184a4" xsi:nil="true"/>
    <EPA_x0020_Contributor xmlns="4ffa91fb-a0ff-4ac5-b2db-65c790d184a4">
      <UserInfo>
        <DisplayName/>
        <AccountId xsi:nil="true"/>
        <AccountType/>
      </UserInfo>
    </EPA_x0020_Contributor>
    <TaxCatchAll xmlns="4ffa91fb-a0ff-4ac5-b2db-65c790d184a4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?mso-contentType ?>
<SharedContentType xmlns="Microsoft.SharePoint.Taxonomy.ContentTypeSync" SourceId="29f62856-1543-49d4-a736-4569d363f533" ContentTypeId="0x0101" PreviousValue="false"/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BDFB93D83E1A514086653C8A9B1C4376" ma:contentTypeVersion="34" ma:contentTypeDescription="Create a new document." ma:contentTypeScope="" ma:versionID="d4b9ee4c6d3d29b5e4754a7b278d4ee6">
  <xsd:schema xmlns:xsd="http://www.w3.org/2001/XMLSchema" xmlns:xs="http://www.w3.org/2001/XMLSchema" xmlns:p="http://schemas.microsoft.com/office/2006/metadata/properties" xmlns:ns1="http://schemas.microsoft.com/sharepoint/v3" xmlns:ns3="4ffa91fb-a0ff-4ac5-b2db-65c790d184a4" xmlns:ns4="http://schemas.microsoft.com/sharepoint.v3" xmlns:ns5="http://schemas.microsoft.com/sharepoint/v3/fields" xmlns:ns6="20ac88f0-eb75-465d-b21b-4609a84f280e" xmlns:ns7="5a227329-8570-48f8-a936-bec1526d1cbc" targetNamespace="http://schemas.microsoft.com/office/2006/metadata/properties" ma:root="true" ma:fieldsID="4cd70f3cb8d4f333d58567bc20f03919" ns1:_="" ns3:_="" ns4:_="" ns5:_="" ns6:_="" ns7:_="">
    <xsd:import namespace="http://schemas.microsoft.com/sharepoint/v3"/>
    <xsd:import namespace="4ffa91fb-a0ff-4ac5-b2db-65c790d184a4"/>
    <xsd:import namespace="http://schemas.microsoft.com/sharepoint.v3"/>
    <xsd:import namespace="http://schemas.microsoft.com/sharepoint/v3/fields"/>
    <xsd:import namespace="20ac88f0-eb75-465d-b21b-4609a84f280e"/>
    <xsd:import namespace="5a227329-8570-48f8-a936-bec1526d1cbc"/>
    <xsd:element name="properties">
      <xsd:complexType>
        <xsd:sequence>
          <xsd:element name="documentManagement">
            <xsd:complexType>
              <xsd:all>
                <xsd:element ref="ns3:Document_x0020_Creation_x0020_Date" minOccurs="0"/>
                <xsd:element ref="ns3:Creator" minOccurs="0"/>
                <xsd:element ref="ns3:EPA_x0020_Office" minOccurs="0"/>
                <xsd:element ref="ns3:Record" minOccurs="0"/>
                <xsd:element ref="ns4:CategoryDescription" minOccurs="0"/>
                <xsd:element ref="ns3:Identifier" minOccurs="0"/>
                <xsd:element ref="ns3:EPA_x0020_Contributor" minOccurs="0"/>
                <xsd:element ref="ns3:External_x0020_Contributor" minOccurs="0"/>
                <xsd:element ref="ns5:_Coverage" minOccurs="0"/>
                <xsd:element ref="ns3:EPA_x0020_Related_x0020_Documents" minOccurs="0"/>
                <xsd:element ref="ns5:_Source" minOccurs="0"/>
                <xsd:element ref="ns3:Rights" minOccurs="0"/>
                <xsd:element ref="ns1:Language" minOccurs="0"/>
                <xsd:element ref="ns3:j747ac98061d40f0aa7bd47e1db5675d" minOccurs="0"/>
                <xsd:element ref="ns3:TaxKeywordTaxHTField" minOccurs="0"/>
                <xsd:element ref="ns3:TaxCatchAllLabel" minOccurs="0"/>
                <xsd:element ref="ns3:TaxCatchAll" minOccurs="0"/>
                <xsd:element ref="ns6:SharedWithUsers" minOccurs="0"/>
                <xsd:element ref="ns1:IMAddress" minOccurs="0"/>
                <xsd:element ref="ns6:SharingHintHash" minOccurs="0"/>
                <xsd:element ref="ns6:SharedWithDetails" minOccurs="0"/>
                <xsd:element ref="ns7:MediaServiceMetadata" minOccurs="0"/>
                <xsd:element ref="ns7:MediaServiceFastMetadata" minOccurs="0"/>
                <xsd:element ref="ns6:Records_x0020_Status" minOccurs="0"/>
                <xsd:element ref="ns6:Records_x0020_Date" minOccurs="0"/>
                <xsd:element ref="ns7:MediaServiceAutoTags" minOccurs="0"/>
                <xsd:element ref="ns7:MediaServiceOCR" minOccurs="0"/>
                <xsd:element ref="ns7:MediaServiceDateTaken" minOccurs="0"/>
                <xsd:element ref="ns7:MediaServiceLocation" minOccurs="0"/>
                <xsd:element ref="ns7:MediaServiceGenerationTime" minOccurs="0"/>
                <xsd:element ref="ns7:MediaServiceEventHashCode" minOccurs="0"/>
                <xsd:element ref="ns7:MediaServiceAutoKeyPoints" minOccurs="0"/>
                <xsd:element ref="ns7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Language" ma:index="17" nillable="true" ma:displayName="Language" ma:default="English" ma:description="Select the document language from the drop down." ma:format="Dropdown" ma:internalName="Language" ma:readOnly="false">
      <xsd:simpleType>
        <xsd:restriction base="dms:Choice">
          <xsd:enumeration value="Arabic (Saudi Arabia)"/>
          <xsd:enumeration value="Bulgarian (Bulgaria)"/>
          <xsd:enumeration value="Chinese (Hong Kong S.A.R.)"/>
          <xsd:enumeration value="Chinese (People's Republic of China)"/>
          <xsd:enumeration value="Chinese (Taiwan)"/>
          <xsd:enumeration value="Croatian (Croatia)"/>
          <xsd:enumeration value="Czech (Czech Republic)"/>
          <xsd:enumeration value="Danish (Denmark)"/>
          <xsd:enumeration value="Dutch (Netherlands)"/>
          <xsd:enumeration value="English"/>
          <xsd:enumeration value="Estonian (Estonia)"/>
          <xsd:enumeration value="Finnish (Finland)"/>
          <xsd:enumeration value="French (France)"/>
          <xsd:enumeration value="German (Germany)"/>
          <xsd:enumeration value="Greek (Greece)"/>
          <xsd:enumeration value="Hebrew (Israel)"/>
          <xsd:enumeration value="Hindi (India)"/>
          <xsd:enumeration value="Hungarian (Hungary)"/>
          <xsd:enumeration value="Indonesian (Indonesia)"/>
          <xsd:enumeration value="Italian (Italy)"/>
          <xsd:enumeration value="Japanese (Japan)"/>
          <xsd:enumeration value="Korean (Korea)"/>
          <xsd:enumeration value="Latvian (Latvia)"/>
          <xsd:enumeration value="Lithuanian (Lithuania)"/>
          <xsd:enumeration value="Malay (Malaysia)"/>
          <xsd:enumeration value="Norwegian (Bokmal) (Norway)"/>
          <xsd:enumeration value="Polish (Poland)"/>
          <xsd:enumeration value="Portuguese (Brazil)"/>
          <xsd:enumeration value="Portuguese (Portugal)"/>
          <xsd:enumeration value="Romanian (Romania)"/>
          <xsd:enumeration value="Russian (Russia)"/>
          <xsd:enumeration value="Serbian (Latin) (Serbia)"/>
          <xsd:enumeration value="Slovak (Slovakia)"/>
          <xsd:enumeration value="Slovenian (Slovenia)"/>
          <xsd:enumeration value="Spanish (Spain)"/>
          <xsd:enumeration value="Swedish (Sweden)"/>
          <xsd:enumeration value="Thai (Thailand)"/>
          <xsd:enumeration value="Turkish (Turkey)"/>
          <xsd:enumeration value="Ukrainian (Ukraine)"/>
          <xsd:enumeration value="Urdu (Islamic Republic of Pakistan)"/>
          <xsd:enumeration value="Vietnamese (Vietnam)"/>
        </xsd:restriction>
      </xsd:simpleType>
    </xsd:element>
    <xsd:element name="IMAddress" ma:index="29" nillable="true" ma:displayName="IM Address" ma:internalName="IMAddress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ffa91fb-a0ff-4ac5-b2db-65c790d184a4" elementFormDefault="qualified">
    <xsd:import namespace="http://schemas.microsoft.com/office/2006/documentManagement/types"/>
    <xsd:import namespace="http://schemas.microsoft.com/office/infopath/2007/PartnerControls"/>
    <xsd:element name="Document_x0020_Creation_x0020_Date" ma:index="2" nillable="true" ma:displayName="Document Date" ma:default="[today]" ma:description="Enter the date this document was last modified. The upload date has been entered by default." ma:format="DateOnly" ma:internalName="Document_x0020_Creation_x0020_Date" ma:readOnly="false">
      <xsd:simpleType>
        <xsd:restriction base="dms:DateTime"/>
      </xsd:simpleType>
    </xsd:element>
    <xsd:element name="Creator" ma:index="3" nillable="true" ma:displayName="Creator" ma:description="Enter the person primarily responsible for the document. The name of the person uploading the document has been entered by default." ma:list="UserInfo" ma:SharePointGroup="0" ma:internalName="Creator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PA_x0020_Office" ma:index="4" nillable="true" ma:displayName="EPA Office" ma:description="Enter the EPA organization primarily responsible for the document. The office of the person uploading the document has been entered by default." ma:internalName="EPA_x0020_Office">
      <xsd:simpleType>
        <xsd:restriction base="dms:Text">
          <xsd:maxLength value="255"/>
        </xsd:restriction>
      </xsd:simpleType>
    </xsd:element>
    <xsd:element name="Record" ma:index="5" nillable="true" ma:displayName="Record" ma:default="Shared" ma:description="For documents that provide evidence of EPA decisions and actions, select &quot;Shared&quot; (open access) or &quot;Private&quot; (restricted access)." ma:format="Dropdown" ma:internalName="Record">
      <xsd:simpleType>
        <xsd:restriction base="dms:Choice">
          <xsd:enumeration value="None"/>
          <xsd:enumeration value="Shared"/>
          <xsd:enumeration value="Private"/>
        </xsd:restriction>
      </xsd:simpleType>
    </xsd:element>
    <xsd:element name="Identifier" ma:index="9" nillable="true" ma:displayName="Identifier" ma:description="Enter all EPA identification numbers applicable to this document, one on each line." ma:internalName="Identifier" ma:readOnly="false">
      <xsd:simpleType>
        <xsd:restriction base="dms:Note">
          <xsd:maxLength value="255"/>
        </xsd:restriction>
      </xsd:simpleType>
    </xsd:element>
    <xsd:element name="EPA_x0020_Contributor" ma:index="11" nillable="true" ma:displayName="EPA Contributor" ma:description="Enter an EPA person who contributed to the creation of the document but is not the primary author." ma:list="UserInfo" ma:SharePointGroup="0" ma:internalName="EPA_x0020_Contributo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xternal_x0020_Contributor" ma:index="12" nillable="true" ma:displayName="External Contributor" ma:description="Enter a non-EPA person who contributed to the creation of the document but is not the primary author." ma:internalName="External_x0020_Contributor" ma:readOnly="false">
      <xsd:simpleType>
        <xsd:restriction base="dms:Note">
          <xsd:maxLength value="255"/>
        </xsd:restriction>
      </xsd:simpleType>
    </xsd:element>
    <xsd:element name="EPA_x0020_Related_x0020_Documents" ma:index="14" nillable="true" ma:displayName="Other Related Documents" ma:description="Enter any related document." ma:internalName="EPA_x0020_Related_x0020_Documents">
      <xsd:simpleType>
        <xsd:restriction base="dms:Note">
          <xsd:maxLength value="255"/>
        </xsd:restriction>
      </xsd:simpleType>
    </xsd:element>
    <xsd:element name="Rights" ma:index="16" nillable="true" ma:displayName="Rights" ma:description="Enter information about intellectual property rights held over the document (e.g. copyright, patent, trademark)." ma:internalName="Rights" ma:readOnly="false">
      <xsd:simpleType>
        <xsd:restriction base="dms:Note">
          <xsd:maxLength value="255"/>
        </xsd:restriction>
      </xsd:simpleType>
    </xsd:element>
    <xsd:element name="j747ac98061d40f0aa7bd47e1db5675d" ma:index="19" nillable="true" ma:taxonomy="true" ma:internalName="j747ac98061d40f0aa7bd47e1db5675d" ma:taxonomyFieldName="Document_x0020_Type" ma:displayName="Document Type" ma:readOnly="false" ma:default="" ma:fieldId="{3747ac98-061d-40f0-aa7b-d47e1db5675d}" ma:sspId="29f62856-1543-49d4-a736-4569d363f533" ma:termSetId="e06cd6a9-a175-4da0-81cb-8dba7aa394a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KeywordTaxHTField" ma:index="21" nillable="true" ma:taxonomy="true" ma:internalName="TaxKeywordTaxHTField" ma:taxonomyFieldName="TaxKeyword" ma:displayName="Enterprise Keywords" ma:readOnly="false" ma:fieldId="{23f27201-bee3-471e-b2e7-b64fd8b7ca38}" ma:taxonomyMulti="true" ma:sspId="29f62856-1543-49d4-a736-4569d363f533" ma:termSetId="00000000-0000-0000-0000-000000000000" ma:anchorId="00000000-0000-0000-0000-000000000000" ma:open="true" ma:isKeyword="true">
      <xsd:complexType>
        <xsd:sequence>
          <xsd:element ref="pc:Terms" minOccurs="0" maxOccurs="1"/>
        </xsd:sequence>
      </xsd:complexType>
    </xsd:element>
    <xsd:element name="TaxCatchAllLabel" ma:index="23" nillable="true" ma:displayName="Taxonomy Catch All Column1" ma:hidden="true" ma:list="{ec49d3a3-8056-40cc-bcfa-251e6b0f8011}" ma:internalName="TaxCatchAllLabel" ma:readOnly="true" ma:showField="CatchAllDataLabel" ma:web="20ac88f0-eb75-465d-b21b-4609a84f280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" ma:index="24" nillable="true" ma:displayName="Taxonomy Catch All Column" ma:hidden="true" ma:list="{ec49d3a3-8056-40cc-bcfa-251e6b0f8011}" ma:internalName="TaxCatchAll" ma:showField="CatchAllData" ma:web="20ac88f0-eb75-465d-b21b-4609a84f280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.v3" elementFormDefault="qualified">
    <xsd:import namespace="http://schemas.microsoft.com/office/2006/documentManagement/types"/>
    <xsd:import namespace="http://schemas.microsoft.com/office/infopath/2007/PartnerControls"/>
    <xsd:element name="CategoryDescription" ma:index="6" nillable="true" ma:displayName="Description" ma:description="Enter a brief description." ma:internalName="CategoryDescription" ma:readOnly="fals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/fields" elementFormDefault="qualified">
    <xsd:import namespace="http://schemas.microsoft.com/office/2006/documentManagement/types"/>
    <xsd:import namespace="http://schemas.microsoft.com/office/infopath/2007/PartnerControls"/>
    <xsd:element name="_Coverage" ma:index="13" nillable="true" ma:displayName="Coverage" ma:description="Enter the geographic location, jurisdiction, or time period for which the document is relevant." ma:internalName="_Coverage" ma:readOnly="false">
      <xsd:simpleType>
        <xsd:restriction base="dms:Text">
          <xsd:maxLength value="255"/>
        </xsd:restriction>
      </xsd:simpleType>
    </xsd:element>
    <xsd:element name="_Source" ma:index="15" nillable="true" ma:displayName="Source" ma:description="Enter a source from which the document is derived." ma:internalName="_Source" ma:readOnly="fals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0ac88f0-eb75-465d-b21b-4609a84f280e" elementFormDefault="qualified">
    <xsd:import namespace="http://schemas.microsoft.com/office/2006/documentManagement/types"/>
    <xsd:import namespace="http://schemas.microsoft.com/office/infopath/2007/PartnerControls"/>
    <xsd:element name="SharedWithUsers" ma:index="2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ingHintHash" ma:index="30" nillable="true" ma:displayName="Sharing Hint Hash" ma:internalName="SharingHintHash" ma:readOnly="true">
      <xsd:simpleType>
        <xsd:restriction base="dms:Text"/>
      </xsd:simpleType>
    </xsd:element>
    <xsd:element name="SharedWithDetails" ma:index="31" nillable="true" ma:displayName="Shared With Details" ma:description="" ma:internalName="SharedWithDetails" ma:readOnly="true">
      <xsd:simpleType>
        <xsd:restriction base="dms:Note">
          <xsd:maxLength value="255"/>
        </xsd:restriction>
      </xsd:simpleType>
    </xsd:element>
    <xsd:element name="Records_x0020_Status" ma:index="34" nillable="true" ma:displayName="Records Status" ma:default="Pending" ma:internalName="Records_x0020_Status">
      <xsd:simpleType>
        <xsd:restriction base="dms:Text"/>
      </xsd:simpleType>
    </xsd:element>
    <xsd:element name="Records_x0020_Date" ma:index="35" nillable="true" ma:displayName="Records Date" ma:hidden="true" ma:internalName="Records_x0020_Date">
      <xsd:simpleType>
        <xsd:restriction base="dms:DateTim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a227329-8570-48f8-a936-bec1526d1cb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32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33" nillable="true" ma:displayName="MediaServiceFastMetadata" ma:description="" ma:hidden="true" ma:internalName="MediaServiceFastMetadata" ma:readOnly="true">
      <xsd:simpleType>
        <xsd:restriction base="dms:Note"/>
      </xsd:simpleType>
    </xsd:element>
    <xsd:element name="MediaServiceAutoTags" ma:index="36" nillable="true" ma:displayName="Tags" ma:internalName="MediaServiceAutoTags" ma:readOnly="true">
      <xsd:simpleType>
        <xsd:restriction base="dms:Text"/>
      </xsd:simpleType>
    </xsd:element>
    <xsd:element name="MediaServiceOCR" ma:index="3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38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39" nillable="true" ma:displayName="Location" ma:internalName="MediaServiceLocation" ma:readOnly="true">
      <xsd:simpleType>
        <xsd:restriction base="dms:Text"/>
      </xsd:simpleType>
    </xsd:element>
    <xsd:element name="MediaServiceGenerationTime" ma:index="4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41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4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4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5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61AB6F9-310F-4BD0-9E5D-042E780A0F67}">
  <ds:schemaRefs>
    <ds:schemaRef ds:uri="http://schemas.microsoft.com/office/2006/metadata/properties"/>
    <ds:schemaRef ds:uri="4ffa91fb-a0ff-4ac5-b2db-65c790d184a4"/>
    <ds:schemaRef ds:uri="http://purl.org/dc/elements/1.1/"/>
    <ds:schemaRef ds:uri="5a227329-8570-48f8-a936-bec1526d1cbc"/>
    <ds:schemaRef ds:uri="http://schemas.microsoft.com/office/infopath/2007/PartnerControls"/>
    <ds:schemaRef ds:uri="http://schemas.microsoft.com/sharepoint/v3"/>
    <ds:schemaRef ds:uri="http://schemas.microsoft.com/sharepoint/v3/fields"/>
    <ds:schemaRef ds:uri="http://purl.org/dc/terms/"/>
    <ds:schemaRef ds:uri="http://schemas.openxmlformats.org/package/2006/metadata/core-properties"/>
    <ds:schemaRef ds:uri="20ac88f0-eb75-465d-b21b-4609a84f280e"/>
    <ds:schemaRef ds:uri="http://schemas.microsoft.com/office/2006/documentManagement/types"/>
    <ds:schemaRef ds:uri="http://schemas.microsoft.com/sharepoint.v3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0B89E6F3-9DF2-4626-A5FA-D46C954A9F8F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328599DF-1063-4954-91D9-036778F3797A}">
  <ds:schemaRefs>
    <ds:schemaRef ds:uri="Microsoft.SharePoint.Taxonomy.ContentTypeSync"/>
  </ds:schemaRefs>
</ds:datastoreItem>
</file>

<file path=customXml/itemProps4.xml><?xml version="1.0" encoding="utf-8"?>
<ds:datastoreItem xmlns:ds="http://schemas.openxmlformats.org/officeDocument/2006/customXml" ds:itemID="{BFA70352-0E2D-4CC8-A06B-F88E8CF987B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4ffa91fb-a0ff-4ac5-b2db-65c790d184a4"/>
    <ds:schemaRef ds:uri="http://schemas.microsoft.com/sharepoint.v3"/>
    <ds:schemaRef ds:uri="http://schemas.microsoft.com/sharepoint/v3/fields"/>
    <ds:schemaRef ds:uri="20ac88f0-eb75-465d-b21b-4609a84f280e"/>
    <ds:schemaRef ds:uri="5a227329-8570-48f8-a936-bec1526d1cb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eidrun Ellinger-Ziegelbauer</dc:creator>
  <cp:lastModifiedBy>Gautier, Jean-Charles /FR</cp:lastModifiedBy>
  <dcterms:created xsi:type="dcterms:W3CDTF">2020-01-15T17:13:57Z</dcterms:created>
  <dcterms:modified xsi:type="dcterms:W3CDTF">2020-05-22T09:55:3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7f850223-87a8-40c3-9eb2-432606efca2a_Enabled">
    <vt:lpwstr>True</vt:lpwstr>
  </property>
  <property fmtid="{D5CDD505-2E9C-101B-9397-08002B2CF9AE}" pid="3" name="MSIP_Label_7f850223-87a8-40c3-9eb2-432606efca2a_SiteId">
    <vt:lpwstr>fcb2b37b-5da0-466b-9b83-0014b67a7c78</vt:lpwstr>
  </property>
  <property fmtid="{D5CDD505-2E9C-101B-9397-08002B2CF9AE}" pid="4" name="MSIP_Label_7f850223-87a8-40c3-9eb2-432606efca2a_Owner">
    <vt:lpwstr>heidrun.ellinger-ziegelbauer@bayer.com</vt:lpwstr>
  </property>
  <property fmtid="{D5CDD505-2E9C-101B-9397-08002B2CF9AE}" pid="5" name="MSIP_Label_7f850223-87a8-40c3-9eb2-432606efca2a_SetDate">
    <vt:lpwstr>2020-01-15T17:19:24.9303079Z</vt:lpwstr>
  </property>
  <property fmtid="{D5CDD505-2E9C-101B-9397-08002B2CF9AE}" pid="6" name="MSIP_Label_7f850223-87a8-40c3-9eb2-432606efca2a_Name">
    <vt:lpwstr>NO CLASSIFICATION</vt:lpwstr>
  </property>
  <property fmtid="{D5CDD505-2E9C-101B-9397-08002B2CF9AE}" pid="7" name="MSIP_Label_7f850223-87a8-40c3-9eb2-432606efca2a_Application">
    <vt:lpwstr>Microsoft Azure Information Protection</vt:lpwstr>
  </property>
  <property fmtid="{D5CDD505-2E9C-101B-9397-08002B2CF9AE}" pid="8" name="MSIP_Label_7f850223-87a8-40c3-9eb2-432606efca2a_Extended_MSFT_Method">
    <vt:lpwstr>Automatic</vt:lpwstr>
  </property>
  <property fmtid="{D5CDD505-2E9C-101B-9397-08002B2CF9AE}" pid="9" name="Sensitivity">
    <vt:lpwstr>NO CLASSIFICATION</vt:lpwstr>
  </property>
  <property fmtid="{D5CDD505-2E9C-101B-9397-08002B2CF9AE}" pid="10" name="ContentTypeId">
    <vt:lpwstr>0x010100BDFB93D83E1A514086653C8A9B1C4376</vt:lpwstr>
  </property>
  <property fmtid="{D5CDD505-2E9C-101B-9397-08002B2CF9AE}" pid="11" name="_NewReviewCycle">
    <vt:lpwstr/>
  </property>
</Properties>
</file>